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6"/>
  </p:notesMasterIdLst>
  <p:sldIdLst>
    <p:sldId id="259" r:id="rId2"/>
    <p:sldId id="261" r:id="rId3"/>
    <p:sldId id="262" r:id="rId4"/>
    <p:sldId id="263" r:id="rId5"/>
  </p:sldIdLst>
  <p:sldSz cx="12192000" cy="6858000"/>
  <p:notesSz cx="6858000" cy="9144000"/>
  <p:custDataLst>
    <p:tags r:id="rId7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69773D"/>
    <a:srgbClr val="FEFAE0"/>
    <a:srgbClr val="E9EDC9"/>
    <a:srgbClr val="CCD5AE"/>
    <a:srgbClr val="798947"/>
    <a:srgbClr val="7C5126"/>
    <a:srgbClr val="D4A373"/>
    <a:srgbClr val="A46B32"/>
    <a:srgbClr val="FF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8025" autoAdjust="0"/>
    <p:restoredTop sz="94660"/>
  </p:normalViewPr>
  <p:slideViewPr>
    <p:cSldViewPr snapToGrid="0">
      <p:cViewPr varScale="1">
        <p:scale>
          <a:sx n="119" d="100"/>
          <a:sy n="119" d="100"/>
        </p:scale>
        <p:origin x="96" y="61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tags" Target="tags/tag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notesMaster" Target="notesMasters/notesMaster1.xml"/><Relationship Id="rId11" Type="http://schemas.openxmlformats.org/officeDocument/2006/relationships/tableStyles" Target="tableStyles.xml"/><Relationship Id="rId5" Type="http://schemas.openxmlformats.org/officeDocument/2006/relationships/slide" Target="slides/slide4.xml"/><Relationship Id="rId1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BD70467-7D62-478E-B208-8BE3ED01C440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06C927D-6143-4EE0-BF21-666C4A686B1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4658640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F06C927D-6143-4EE0-BF21-666C4A686B16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3784121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>
            <a:extLst>
              <a:ext uri="{FF2B5EF4-FFF2-40B4-BE49-F238E27FC236}">
                <a16:creationId xmlns:a16="http://schemas.microsoft.com/office/drawing/2014/main" id="{A6692EE0-606D-4823-A959-C46E89FF396E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2" name="Title 1">
            <a:extLst>
              <a:ext uri="{FF2B5EF4-FFF2-40B4-BE49-F238E27FC236}">
                <a16:creationId xmlns:a16="http://schemas.microsoft.com/office/drawing/2014/main" id="{EAB8B713-642F-47BA-87A4-B4DFD1935AD3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>
                <a:latin typeface="Roboto" panose="02000000000000000000" pitchFamily="2" charset="0"/>
                <a:ea typeface="Roboto" panose="02000000000000000000" pitchFamily="2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4C3A9062-03F8-4AF4-8C16-23442C6DE56F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>
            <a:normAutofit/>
          </a:bodyPr>
          <a:lstStyle>
            <a:lvl1pPr marL="0" indent="0" algn="ctr">
              <a:buNone/>
              <a:defRPr sz="4800">
                <a:latin typeface="Lazy dog" pitchFamily="2" charset="0"/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073C3F7-D83E-4CB8-AE65-EF1BB23A81D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305CBAE-0130-4004-9ED8-0501A999FF8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54752267-EDD1-4EE3-85B2-B87B7C4E1DA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1641640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625CA2A-D2FE-4C4A-AFD0-FA3B72EFC6B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08FD7B6B-7D52-410A-9396-786D56803AD1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EA728C84-8A47-4E76-903D-3D68A5DBFEC3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801A446-5C21-4CC1-A57E-FEF7DAE3169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4F1082B6-9388-4A2E-9790-4864AF0357F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9F834401-A5B4-4372-83B1-0AC5DDE678C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E1668A7E-9DC1-415D-BBFD-F28B4A996CC0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827380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A50BA9A-AE55-49D8-8220-0A591A8C7DD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5656912D-E170-49E3-B32E-08F02F631191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D1E7C4C2-38A7-4B1A-8FCD-7F47A20261C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D62979A0-CD08-424C-B1E7-04DE08D5102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1792D6A-1BFD-4275-A6E2-BF70B914934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8C98913F-68B9-4571-8F46-BBC14934E7B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A89F8ADE-3EA7-44E1-BEE6-BB65E41C250C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97980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E63CEE8-7FA6-40F4-919B-0C9DC425F87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B66F7893-9914-4A71-9A9C-CFE6D025329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09F76ED-47F1-48DE-80C0-F49B4658B9E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20D18089-B21B-4712-A43B-99749F54AAC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101E338-5DBE-4D81-8127-D896A7BF958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B6C2CBCB-64AB-4EA9-89CF-7ACE53720EF8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52416176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F07DD3AA-18EB-40C1-8D3E-39C86F42E32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1D153F45-ED91-4DE3-B2E7-96EDD780A50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BB9873ED-0B12-4851-841A-F2C5004C230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3B7379DB-CC00-42B6-8E1B-44E474D808F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EE311A07-5FC9-4ACC-9321-FA62254206CD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64409041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D3EC6197-6705-45C3-BD07-3E99EEFB28DE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C20FD78D-089D-4A34-837B-4DF642B55EBC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7738CE06-5D08-4745-80E3-F832D6E3D57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40C47B6-F17A-4647-87EF-203D142F559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333423C8-F92B-4345-BC38-3FED7B1DCFF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1749676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9CBB0C0-9D79-4472-84EA-EC5F2AA15C7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3B04B40-8F8C-4C5E-93B3-E24120C0CB71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4968805-2F49-4E1F-BA04-631EC29DEA9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2D4D868-873E-4F09-B2AA-F5ED75882C0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34B1472-33ED-43B7-B15B-7925CA105A9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F52BEA58-AF73-4E7A-B550-9CBEDD8BB85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7664317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E179725-FD87-40A7-9E39-E2178632D8E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34F5A266-8069-4D8F-BE06-190D611D5B5B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1A4B57BF-72A5-4D0E-90BC-919EF7CF433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7B5C6C27-0A88-4D4C-9916-185121FC022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BFC61094-675B-422A-B7F1-2AE71FBF1F3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86C59ABA-36F4-4826-846F-C171F5C47112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2183262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B2898C4-063B-4623-94B2-7EFA16022DC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1D438A5E-9559-4798-BB95-BE304A4A9352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435EAD3E-3664-45FC-9A3C-F4FE300AED2C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54C8FEB9-C2B5-4B98-9113-889B4A99A1A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29DCF53B-FEBF-4E6D-BF6B-455BFAE3033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33A754A-A7F5-448B-80D7-677AB0830F7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6482352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3C488ED-847A-4DD0-B956-CA90E0C24C0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D4D36079-5D14-4A75-B1D1-43150335D9A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4F47054B-E334-4790-8134-FED506E3890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D45377CB-B140-4212-A147-171497651E6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7995AF1E-C13F-4C82-BA06-ACD8A3965C5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3528187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0F334D2-8BE5-4CC9-AEE5-2DA73F0AD68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21081D95-DF0D-4391-BA8D-EC7AA2FB372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600E371A-7C55-470A-A000-60ED7B29B46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57782A93-5ED1-4E18-B323-1B286EC5B7F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C4C3AAD7-2045-4459-BCD7-9C489EAE5BF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620282E5-9E50-4100-A7B0-EA1A84A6EF92}"/>
              </a:ext>
            </a:extLst>
          </p:cNvPr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26A56D23-1904-4FE9-9812-7B4750D75591}"/>
              </a:ext>
            </a:extLst>
          </p:cNvPr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0152860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E60E39E-64E6-4AE1-B3B5-72CEE7E1279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7B67F02-22E9-49DA-ADAA-2BE6E1C970C5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1BBAAFF4-3F0A-4AE0-A370-63A256A52504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34AB0746-D6E9-4002-A5B6-8E550507A096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F0F750B8-E608-4274-8DF7-EC42B50C68EB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95252318-A522-4B83-BD66-9D2D3E3822D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F292848E-BE87-46B3-9463-9BEC88830B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88CC6104-FB58-4BDB-9F6D-6DB3D1CB964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A6F43CDD-EDDE-43EA-BF45-5D906D37FC45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400597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841E58D-0CAC-4119-A9E2-B4B811BF61E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B9B3A2EF-89A2-4F3D-A8F6-5C105FAAC4F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24571BC8-66A8-4094-88E7-129923907F6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B65F178E-0830-4D15-941B-5AFAF229133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64C67035-6ADE-45DE-82BF-6F9F540EDE43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8894179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E40D3262-94C3-4217-9938-9E542ABF7BC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EFCB6C2B-7F34-4AC6-B75D-01FAF185F09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40B095FF-79F0-44F3-A646-1CCAFA51FB5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8D34BDD7-CAF0-4209-95AD-9D8ED4A4FCF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1108901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042D8400-04FD-4E23-BDB3-9BF105C4BD7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B49871E3-0FB3-4CF0-93FD-620488C5889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01C8F60C-943D-4AAA-A62C-37135F13732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FFE0F7F-D13B-4BCD-BFD6-810A49F255CC}" type="datetimeFigureOut">
              <a:rPr lang="en-US" smtClean="0"/>
              <a:t>4/26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5A3B791A-5C8A-4CCA-81FA-BBE2BBB2F244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39D1785-D0E3-4DED-AA4E-F490D9E2A0EC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C84AFC7-090C-4A26-A3C5-0CC658B0D87F}" type="slidenum">
              <a:rPr lang="en-US" smtClean="0"/>
              <a:t>‹#›</a:t>
            </a:fld>
            <a:endParaRPr lang="en-US"/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AE45411D-31B4-4436-BC36-BC1EA20BB187}"/>
              </a:ext>
            </a:extLst>
          </p:cNvPr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7004242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60" r:id="rId5"/>
    <p:sldLayoutId id="2147483661" r:id="rId6"/>
    <p:sldLayoutId id="2147483653" r:id="rId7"/>
    <p:sldLayoutId id="2147483654" r:id="rId8"/>
    <p:sldLayoutId id="2147483655" r:id="rId9"/>
    <p:sldLayoutId id="2147483656" r:id="rId10"/>
    <p:sldLayoutId id="2147483657" r:id="rId11"/>
    <p:sldLayoutId id="2147483658" r:id="rId12"/>
    <p:sldLayoutId id="2147483662" r:id="rId13"/>
    <p:sldLayoutId id="2147483659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13.png"/><Relationship Id="rId4" Type="http://schemas.openxmlformats.org/officeDocument/2006/relationships/image" Target="../media/image12.png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: Rounded Corners 5">
            <a:extLst>
              <a:ext uri="{FF2B5EF4-FFF2-40B4-BE49-F238E27FC236}">
                <a16:creationId xmlns:a16="http://schemas.microsoft.com/office/drawing/2014/main" id="{76137E7A-18AC-4A8B-89C7-06DAEA0F790E}"/>
              </a:ext>
            </a:extLst>
          </p:cNvPr>
          <p:cNvSpPr/>
          <p:nvPr/>
        </p:nvSpPr>
        <p:spPr>
          <a:xfrm>
            <a:off x="4195009" y="4279230"/>
            <a:ext cx="3801979" cy="954506"/>
          </a:xfrm>
          <a:prstGeom prst="roundRect">
            <a:avLst/>
          </a:prstGeom>
          <a:solidFill>
            <a:srgbClr val="FEFAE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Title 3">
            <a:extLst>
              <a:ext uri="{FF2B5EF4-FFF2-40B4-BE49-F238E27FC236}">
                <a16:creationId xmlns:a16="http://schemas.microsoft.com/office/drawing/2014/main" id="{226AB4AE-374A-4674-A119-FD9C6F73A47F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2265760"/>
            <a:ext cx="9144000" cy="1724901"/>
          </a:xfrm>
        </p:spPr>
        <p:txBody>
          <a:bodyPr>
            <a:noAutofit/>
          </a:bodyPr>
          <a:lstStyle/>
          <a:p>
            <a:r>
              <a:rPr lang="en-US" b="1" dirty="0">
                <a:solidFill>
                  <a:srgbClr val="69773D"/>
                </a:solidFill>
              </a:rPr>
              <a:t>KSK 1024 </a:t>
            </a:r>
            <a:br>
              <a:rPr lang="en-US" dirty="0">
                <a:solidFill>
                  <a:srgbClr val="798947"/>
                </a:solidFill>
              </a:rPr>
            </a:br>
            <a:r>
              <a:rPr lang="en-US" dirty="0">
                <a:solidFill>
                  <a:srgbClr val="798947"/>
                </a:solidFill>
                <a:latin typeface="Lazy dog" pitchFamily="2" charset="0"/>
              </a:rPr>
              <a:t>Server Hardware Installation</a:t>
            </a:r>
          </a:p>
        </p:txBody>
      </p:sp>
      <p:sp>
        <p:nvSpPr>
          <p:cNvPr id="5" name="Subtitle 4">
            <a:extLst>
              <a:ext uri="{FF2B5EF4-FFF2-40B4-BE49-F238E27FC236}">
                <a16:creationId xmlns:a16="http://schemas.microsoft.com/office/drawing/2014/main" id="{35A1D21B-C9B3-4D64-B7A4-1C2C0964CF6E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4026568" y="4387515"/>
            <a:ext cx="4138863" cy="846221"/>
          </a:xfrm>
        </p:spPr>
        <p:txBody>
          <a:bodyPr/>
          <a:lstStyle/>
          <a:p>
            <a:r>
              <a:rPr lang="en-US" dirty="0" err="1">
                <a:solidFill>
                  <a:srgbClr val="7C5126"/>
                </a:solidFill>
                <a:latin typeface="Arial Rounded MT Bold" panose="020F0704030504030204" pitchFamily="34" charset="0"/>
              </a:rPr>
              <a:t>Kuiz</a:t>
            </a:r>
            <a:r>
              <a:rPr lang="en-US" dirty="0">
                <a:solidFill>
                  <a:srgbClr val="7C5126"/>
                </a:solidFill>
                <a:latin typeface="Arial Rounded MT Bold" panose="020F0704030504030204" pitchFamily="34" charset="0"/>
              </a:rPr>
              <a:t> K1-1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2AE68C12-338F-4B2E-9B40-628ACD4B3C9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532772" y="983393"/>
            <a:ext cx="1825291" cy="867853"/>
          </a:xfrm>
          <a:prstGeom prst="rect">
            <a:avLst/>
          </a:prstGeom>
        </p:spPr>
      </p:pic>
      <p:pic>
        <p:nvPicPr>
          <p:cNvPr id="10" name="Picture 9">
            <a:extLst>
              <a:ext uri="{FF2B5EF4-FFF2-40B4-BE49-F238E27FC236}">
                <a16:creationId xmlns:a16="http://schemas.microsoft.com/office/drawing/2014/main" id="{D856775F-9997-439B-8522-C0BEC99C393D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096000" y="983393"/>
            <a:ext cx="2983831" cy="83920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32260657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94622C6-FA31-40E3-9019-5E4D340B7C6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B5767F2A-4607-432B-A155-9EDD11A680C0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1382711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7BCF069-73B5-4133-9FBA-CAF93B96E5E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DF981995-0425-4394-9CF2-2FCAE43EF62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8263273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>
            <a:extLst>
              <a:ext uri="{FF2B5EF4-FFF2-40B4-BE49-F238E27FC236}">
                <a16:creationId xmlns:a16="http://schemas.microsoft.com/office/drawing/2014/main" id="{1E56DF40-8F23-44B7-AC1D-AE120CFFF49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Rectangle: Rounded Corners 6">
            <a:extLst>
              <a:ext uri="{FF2B5EF4-FFF2-40B4-BE49-F238E27FC236}">
                <a16:creationId xmlns:a16="http://schemas.microsoft.com/office/drawing/2014/main" id="{4456A8A7-2754-4942-901D-CAA1A1B45CF3}"/>
              </a:ext>
            </a:extLst>
          </p:cNvPr>
          <p:cNvSpPr/>
          <p:nvPr/>
        </p:nvSpPr>
        <p:spPr>
          <a:xfrm>
            <a:off x="2955757" y="2281989"/>
            <a:ext cx="6280485" cy="2294021"/>
          </a:xfrm>
          <a:prstGeom prst="roundRect">
            <a:avLst/>
          </a:prstGeom>
          <a:solidFill>
            <a:srgbClr val="E9EDC9"/>
          </a:solidFill>
          <a:ln>
            <a:solidFill>
              <a:srgbClr val="FEFAE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dirty="0">
                <a:solidFill>
                  <a:srgbClr val="69773D"/>
                </a:solidFill>
                <a:latin typeface="Arial Rounded MT Bold" panose="020F0704030504030204" pitchFamily="34" charset="0"/>
              </a:rPr>
              <a:t>TERIMA KASIH </a:t>
            </a:r>
          </a:p>
          <a:p>
            <a:pPr algn="ctr"/>
            <a:r>
              <a:rPr lang="en-US" sz="2800" dirty="0">
                <a:solidFill>
                  <a:srgbClr val="69773D"/>
                </a:solidFill>
                <a:latin typeface="Arial Rounded MT Bold" panose="020F0704030504030204" pitchFamily="34" charset="0"/>
              </a:rPr>
              <a:t>KERANA MENJAWAB</a:t>
            </a:r>
          </a:p>
        </p:txBody>
      </p:sp>
    </p:spTree>
    <p:extLst>
      <p:ext uri="{BB962C8B-B14F-4D97-AF65-F5344CB8AC3E}">
        <p14:creationId xmlns:p14="http://schemas.microsoft.com/office/powerpoint/2010/main" val="1710263140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B90A5FB3-F2F2-4E75-A50C-3ADC32037AC3}"/>
  <p:tag name="ISPRING_RESOURCE_FOLDER" val="I:\~KSK1024 2022\KSK 1024 iSpring Template\"/>
  <p:tag name="ISPRING_PRESENTATION_PATH" val="I:\~KSK1024 2022\KSK 1024 iSpring Template.pptx"/>
  <p:tag name="ISPRING_PROJECT_VERSION" val="9.3"/>
  <p:tag name="ISPRING_PROJECT_FOLDER_UPDATED" val="1"/>
  <p:tag name="ISPRING_SCREEN_RECS_UPDATED" val="I:\~KSK1024 2022\KSK 1024 iSpring Template\"/>
  <p:tag name="ISPRING_FIRST_PUBLISH" val="1"/>
  <p:tag name="ISPRING_PLAYERS_CUSTOMIZATION_2" val="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"/>
  <p:tag name="ISPRING_LMS_API_VERSION" val="SCORM 2004 (4th edition)"/>
  <p:tag name="ISPRING_ULTRA_SCORM_COURCE_TITLE" val="KSK1024 Kuiz 1-1"/>
  <p:tag name="ISPRING_ULTRA_SCORM_COURSE_ID" val="A4601D71-4885-4ADA-90E6-2D99973D7E16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n\&quot;\u0018{73718ACB-B858-44C7-B780-AB1672C09B96}&quot;,&quot;I:\\~KSK1024 2022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PASSING_SCORE" val="80.000000"/>
  <p:tag name="ISPRING_CURRENT_PLAYER_ID" val="universal"/>
  <p:tag name="ISPRING_PRESENTATION_TITLE" val="KSK1024 Kuiz 1-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BB5419-5562-44A1-8D10-511C3A0E308D}:259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97</TotalTime>
  <Words>13</Words>
  <Application>Microsoft Office PowerPoint</Application>
  <PresentationFormat>Widescreen</PresentationFormat>
  <Paragraphs>5</Paragraphs>
  <Slides>4</Slides>
  <Notes>1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11" baseType="lpstr">
      <vt:lpstr>Arial</vt:lpstr>
      <vt:lpstr>Arial Rounded MT Bold</vt:lpstr>
      <vt:lpstr>Calibri</vt:lpstr>
      <vt:lpstr>Calibri Light</vt:lpstr>
      <vt:lpstr>Lazy dog</vt:lpstr>
      <vt:lpstr>Roboto</vt:lpstr>
      <vt:lpstr>Office Theme</vt:lpstr>
      <vt:lpstr>KSK 1024  Server Hardware Install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KSK1024 Kuiz 1-1</dc:title>
  <dc:creator>Intan Keristina Mohd Yusop</dc:creator>
  <cp:lastModifiedBy>Intan Keristina Mohd Yusop</cp:lastModifiedBy>
  <cp:revision>24</cp:revision>
  <dcterms:created xsi:type="dcterms:W3CDTF">2022-04-21T05:09:21Z</dcterms:created>
  <dcterms:modified xsi:type="dcterms:W3CDTF">2022-04-26T02:00:28Z</dcterms:modified>
</cp:coreProperties>
</file>